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34332\Downloads\"/>
    </mc:Choice>
  </mc:AlternateContent>
  <xr:revisionPtr revIDLastSave="0" documentId="8_{5AD4662F-17EB-4AB0-A1C3-E4727C0F2C12}" xr6:coauthVersionLast="47" xr6:coauthVersionMax="47" xr10:uidLastSave="{00000000-0000-0000-0000-000000000000}"/>
  <workbookProtection workbookAlgorithmName="SHA-512" workbookHashValue="y3p2XJOah0ixdoCXGCJOOxBpddjD9KrPfNAbresvwHvthr9XKAMIl3dqGge1jXlzXW0X2RVowqZ9qINeH9I1Zg==" workbookSaltValue="xaNlDI8qc6cHJsfWlyWqRw==" workbookSpinCount="100000" lockStructure="1"/>
  <bookViews>
    <workbookView xWindow="28680" yWindow="-120" windowWidth="29040" windowHeight="15840" xr2:uid="{00000000-000D-0000-FFFF-FFFF00000000}"/>
  </bookViews>
  <sheets>
    <sheet name="Invulbald premaster" sheetId="2" r:id="rId1"/>
    <sheet name="Blad1" sheetId="3" state="hidden" r:id="rId2"/>
  </sheets>
  <definedNames>
    <definedName name="_xlnm.Print_Area" localSheetId="0">'Invulbald premaster'!$A$1:$E$91</definedName>
    <definedName name="_xlnm.Print_Titles" localSheetId="0">'Invulbald premaster'!$16:$16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13" i="2" l="1"/>
  <c r="F80" i="2" l="1"/>
  <c r="F81" i="2"/>
  <c r="F82" i="2"/>
  <c r="F83" i="2"/>
  <c r="F84" i="2"/>
  <c r="F85" i="2"/>
  <c r="F86" i="2"/>
  <c r="F87" i="2"/>
  <c r="F88" i="2"/>
  <c r="F89" i="2"/>
  <c r="F90" i="2"/>
  <c r="F91" i="2"/>
  <c r="F68" i="2"/>
  <c r="F69" i="2"/>
  <c r="F70" i="2"/>
  <c r="F71" i="2"/>
  <c r="F72" i="2"/>
  <c r="F73" i="2"/>
  <c r="F74" i="2"/>
  <c r="F75" i="2"/>
  <c r="F76" i="2"/>
  <c r="F77" i="2"/>
  <c r="F78" i="2"/>
  <c r="F79" i="2"/>
  <c r="F18" i="2"/>
  <c r="F19" i="2"/>
  <c r="F20" i="2"/>
  <c r="F21" i="2"/>
  <c r="F22" i="2"/>
  <c r="F23" i="2"/>
  <c r="F24" i="2"/>
  <c r="F25" i="2"/>
  <c r="F26" i="2"/>
  <c r="F27" i="2"/>
  <c r="F28" i="2"/>
  <c r="F29" i="2"/>
  <c r="F30" i="2"/>
  <c r="F31" i="2"/>
  <c r="F32" i="2"/>
  <c r="F33" i="2"/>
  <c r="F34" i="2"/>
  <c r="F35" i="2"/>
  <c r="F36" i="2"/>
  <c r="F37" i="2"/>
  <c r="F38" i="2"/>
  <c r="F39" i="2"/>
  <c r="F40" i="2"/>
  <c r="F41" i="2"/>
  <c r="F42" i="2"/>
  <c r="F43" i="2"/>
  <c r="F44" i="2"/>
  <c r="F45" i="2"/>
  <c r="F46" i="2"/>
  <c r="F47" i="2"/>
  <c r="F48" i="2"/>
  <c r="F49" i="2"/>
  <c r="F50" i="2"/>
  <c r="F51" i="2"/>
  <c r="F52" i="2"/>
  <c r="F53" i="2"/>
  <c r="F54" i="2"/>
  <c r="F55" i="2"/>
  <c r="F56" i="2"/>
  <c r="F57" i="2"/>
  <c r="F58" i="2"/>
  <c r="F59" i="2"/>
  <c r="F60" i="2"/>
  <c r="F61" i="2"/>
  <c r="F62" i="2"/>
  <c r="F63" i="2"/>
  <c r="F64" i="2"/>
  <c r="F65" i="2"/>
  <c r="F66" i="2"/>
  <c r="F67" i="2"/>
  <c r="F17" i="2"/>
  <c r="B14" i="2" l="1"/>
  <c r="B12" i="2"/>
</calcChain>
</file>

<file path=xl/sharedStrings.xml><?xml version="1.0" encoding="utf-8"?>
<sst xmlns="http://schemas.openxmlformats.org/spreadsheetml/2006/main" count="19" uniqueCount="19">
  <si>
    <t>Gewogen cijfergemiddelde Premaster Rechtsgeleerdheid</t>
  </si>
  <si>
    <t>Uitleg</t>
  </si>
  <si>
    <t>Gewogen gemiddelde = cijfer x aantal EC / totaal aantal EC bij cijfers (minimaal 7,0).</t>
  </si>
  <si>
    <t>Aantal EC's = totaal aantal EC voor kolom Cijferbeoording als voor kolom Woordbeoordeling (minimaal 240).</t>
  </si>
  <si>
    <t>Precentage cijfers = Percentage EC's op basis van Cijferbeoordeling ten opzicht van het totaal (minimaal 75%).</t>
  </si>
  <si>
    <t>Wanneer een Cijferbeoordeling is ingevoerd, kan er geen Woordbeoordeling worden ingevoerd en vica versa. In beide gevallen dienen de EC (studiepunten) ingevuld te worden.</t>
  </si>
  <si>
    <t>Vul alleen eindcijfers in, geen deelcijfers!</t>
  </si>
  <si>
    <t>Gewogen gemiddelde</t>
  </si>
  <si>
    <t>Aantal EC's</t>
  </si>
  <si>
    <t>Percentage Cijferbeoordeling</t>
  </si>
  <si>
    <t>Naam vak</t>
  </si>
  <si>
    <t>Datum vak behaald</t>
  </si>
  <si>
    <t>Cijferbeoordeling</t>
  </si>
  <si>
    <t>Woordbeoordeling</t>
  </si>
  <si>
    <t>EC</t>
  </si>
  <si>
    <t>Berekende EC</t>
  </si>
  <si>
    <t>Invulmogelijkheden</t>
  </si>
  <si>
    <t>Voldaan</t>
  </si>
  <si>
    <t>Noteer de behaalde resultaten in dezelfde volgorde als jouw cijferlijst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"/>
  </numFmts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rgb="FFFF0000"/>
      <name val="Calibri"/>
      <family val="2"/>
      <scheme val="minor"/>
    </font>
    <font>
      <b/>
      <sz val="11"/>
      <color rgb="FF000000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</fills>
  <borders count="1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35">
    <xf numFmtId="0" fontId="0" fillId="0" borderId="0" xfId="0"/>
    <xf numFmtId="0" fontId="0" fillId="0" borderId="0" xfId="0" applyAlignment="1">
      <alignment horizontal="center"/>
    </xf>
    <xf numFmtId="0" fontId="1" fillId="3" borderId="1" xfId="0" applyFont="1" applyFill="1" applyBorder="1"/>
    <xf numFmtId="0" fontId="1" fillId="2" borderId="2" xfId="0" applyFont="1" applyFill="1" applyBorder="1" applyAlignment="1">
      <alignment horizontal="left"/>
    </xf>
    <xf numFmtId="1" fontId="0" fillId="0" borderId="2" xfId="0" applyNumberFormat="1" applyBorder="1"/>
    <xf numFmtId="0" fontId="0" fillId="4" borderId="3" xfId="0" applyFill="1" applyBorder="1"/>
    <xf numFmtId="0" fontId="1" fillId="3" borderId="4" xfId="0" applyFont="1" applyFill="1" applyBorder="1"/>
    <xf numFmtId="2" fontId="0" fillId="2" borderId="2" xfId="0" applyNumberFormat="1" applyFill="1" applyBorder="1"/>
    <xf numFmtId="9" fontId="0" fillId="0" borderId="2" xfId="0" applyNumberFormat="1" applyBorder="1"/>
    <xf numFmtId="0" fontId="1" fillId="3" borderId="7" xfId="0" applyFont="1" applyFill="1" applyBorder="1" applyAlignment="1">
      <alignment horizontal="left"/>
    </xf>
    <xf numFmtId="0" fontId="0" fillId="0" borderId="0" xfId="0" applyAlignment="1">
      <alignment horizontal="center" vertical="center"/>
    </xf>
    <xf numFmtId="0" fontId="1" fillId="3" borderId="5" xfId="0" applyFont="1" applyFill="1" applyBorder="1" applyAlignment="1">
      <alignment horizontal="center" vertical="center"/>
    </xf>
    <xf numFmtId="0" fontId="1" fillId="3" borderId="6" xfId="0" applyFont="1" applyFill="1" applyBorder="1" applyAlignment="1">
      <alignment horizontal="center" vertical="center"/>
    </xf>
    <xf numFmtId="0" fontId="0" fillId="4" borderId="3" xfId="0" applyFill="1" applyBorder="1" applyProtection="1">
      <protection locked="0"/>
    </xf>
    <xf numFmtId="15" fontId="0" fillId="4" borderId="3" xfId="0" applyNumberFormat="1" applyFill="1" applyBorder="1" applyProtection="1">
      <protection locked="0"/>
    </xf>
    <xf numFmtId="164" fontId="0" fillId="4" borderId="3" xfId="0" applyNumberFormat="1" applyFill="1" applyBorder="1" applyAlignment="1" applyProtection="1">
      <alignment horizontal="center" vertical="center"/>
      <protection locked="0"/>
    </xf>
    <xf numFmtId="0" fontId="0" fillId="4" borderId="3" xfId="0" applyFill="1" applyBorder="1" applyAlignment="1" applyProtection="1">
      <alignment horizontal="center" vertical="center"/>
      <protection locked="0"/>
    </xf>
    <xf numFmtId="0" fontId="0" fillId="4" borderId="2" xfId="0" applyFill="1" applyBorder="1" applyProtection="1">
      <protection locked="0"/>
    </xf>
    <xf numFmtId="15" fontId="0" fillId="4" borderId="2" xfId="0" applyNumberFormat="1" applyFill="1" applyBorder="1" applyProtection="1">
      <protection locked="0"/>
    </xf>
    <xf numFmtId="0" fontId="0" fillId="4" borderId="2" xfId="0" applyFill="1" applyBorder="1" applyAlignment="1" applyProtection="1">
      <alignment horizontal="center" vertical="center"/>
      <protection locked="0"/>
    </xf>
    <xf numFmtId="14" fontId="0" fillId="4" borderId="2" xfId="0" applyNumberFormat="1" applyFill="1" applyBorder="1" applyProtection="1">
      <protection locked="0"/>
    </xf>
    <xf numFmtId="164" fontId="0" fillId="4" borderId="2" xfId="0" applyNumberFormat="1" applyFill="1" applyBorder="1" applyAlignment="1" applyProtection="1">
      <alignment horizontal="center" vertical="center"/>
      <protection locked="0"/>
    </xf>
    <xf numFmtId="0" fontId="0" fillId="0" borderId="13" xfId="0" applyBorder="1" applyAlignment="1">
      <alignment wrapText="1"/>
    </xf>
    <xf numFmtId="0" fontId="0" fillId="0" borderId="13" xfId="0" applyBorder="1"/>
    <xf numFmtId="0" fontId="3" fillId="0" borderId="11" xfId="0" applyFont="1" applyBorder="1" applyAlignment="1">
      <alignment horizontal="left" vertical="top"/>
    </xf>
    <xf numFmtId="0" fontId="3" fillId="0" borderId="12" xfId="0" applyFont="1" applyBorder="1" applyAlignment="1">
      <alignment horizontal="left" vertical="top"/>
    </xf>
    <xf numFmtId="0" fontId="0" fillId="0" borderId="2" xfId="0" applyBorder="1" applyAlignment="1">
      <alignment wrapText="1"/>
    </xf>
    <xf numFmtId="0" fontId="0" fillId="0" borderId="2" xfId="0" applyBorder="1"/>
    <xf numFmtId="0" fontId="2" fillId="2" borderId="8" xfId="0" applyFont="1" applyFill="1" applyBorder="1" applyAlignment="1">
      <alignment horizontal="left"/>
    </xf>
    <xf numFmtId="0" fontId="2" fillId="2" borderId="9" xfId="0" applyFont="1" applyFill="1" applyBorder="1" applyAlignment="1">
      <alignment horizontal="left"/>
    </xf>
    <xf numFmtId="0" fontId="0" fillId="0" borderId="9" xfId="0" applyBorder="1"/>
    <xf numFmtId="0" fontId="0" fillId="0" borderId="8" xfId="0" applyBorder="1"/>
    <xf numFmtId="0" fontId="0" fillId="0" borderId="10" xfId="0" applyBorder="1"/>
    <xf numFmtId="0" fontId="1" fillId="2" borderId="2" xfId="0" applyFont="1" applyFill="1" applyBorder="1" applyAlignment="1">
      <alignment horizontal="left"/>
    </xf>
    <xf numFmtId="0" fontId="0" fillId="0" borderId="2" xfId="0" applyBorder="1" applyAlignment="1">
      <alignment horizontal="left"/>
    </xf>
  </cellXfs>
  <cellStyles count="1">
    <cellStyle name="Normal" xfId="0" builtinId="0"/>
  </cellStyles>
  <dxfs count="7">
    <dxf>
      <font>
        <color rgb="FF9C0006"/>
      </font>
      <fill>
        <patternFill>
          <bgColor rgb="FFFFC7CE"/>
        </patternFill>
      </fill>
    </dxf>
    <dxf>
      <fill>
        <patternFill>
          <bgColor rgb="FF92D050"/>
        </patternFill>
      </fill>
    </dxf>
    <dxf>
      <fill>
        <patternFill>
          <bgColor rgb="FFFF0000"/>
        </patternFill>
      </fill>
    </dxf>
    <dxf>
      <fill>
        <patternFill>
          <bgColor rgb="FF92D050"/>
        </patternFill>
      </fill>
    </dxf>
    <dxf>
      <fill>
        <patternFill>
          <bgColor rgb="FFFF0000"/>
        </patternFill>
      </fill>
    </dxf>
    <dxf>
      <fill>
        <patternFill>
          <bgColor rgb="FF92D050"/>
        </patternFill>
      </fill>
    </dxf>
    <dxf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91"/>
  <sheetViews>
    <sheetView tabSelected="1" view="pageBreakPreview" zoomScale="85" zoomScaleNormal="130" zoomScaleSheetLayoutView="85" workbookViewId="0">
      <selection activeCell="D12" sqref="D12"/>
    </sheetView>
  </sheetViews>
  <sheetFormatPr defaultRowHeight="14.5" x14ac:dyDescent="0.35"/>
  <cols>
    <col min="1" max="1" width="37.7265625" customWidth="1"/>
    <col min="2" max="2" width="18.453125" bestFit="1" customWidth="1"/>
    <col min="3" max="3" width="16.81640625" style="10" bestFit="1" customWidth="1"/>
    <col min="4" max="4" width="18.26953125" style="10" bestFit="1" customWidth="1"/>
    <col min="5" max="5" width="9.7265625" style="10" customWidth="1"/>
    <col min="6" max="6" width="13.1796875" hidden="1" customWidth="1"/>
  </cols>
  <sheetData>
    <row r="1" spans="1:6" ht="21" x14ac:dyDescent="0.5">
      <c r="A1" s="28" t="s">
        <v>0</v>
      </c>
      <c r="B1" s="29"/>
      <c r="C1" s="29"/>
      <c r="D1" s="29"/>
      <c r="E1" s="29"/>
      <c r="F1" s="30"/>
    </row>
    <row r="3" spans="1:6" x14ac:dyDescent="0.35">
      <c r="A3" s="1"/>
      <c r="B3" s="1"/>
    </row>
    <row r="4" spans="1:6" x14ac:dyDescent="0.35">
      <c r="A4" s="33" t="s">
        <v>1</v>
      </c>
      <c r="B4" s="34"/>
      <c r="C4" s="27"/>
      <c r="D4" s="27"/>
      <c r="E4" s="27"/>
    </row>
    <row r="5" spans="1:6" x14ac:dyDescent="0.35">
      <c r="A5" s="27" t="s">
        <v>2</v>
      </c>
      <c r="B5" s="27"/>
      <c r="C5" s="27"/>
      <c r="D5" s="27"/>
      <c r="E5" s="27"/>
    </row>
    <row r="6" spans="1:6" x14ac:dyDescent="0.35">
      <c r="A6" s="31" t="s">
        <v>3</v>
      </c>
      <c r="B6" s="30"/>
      <c r="C6" s="30"/>
      <c r="D6" s="30"/>
      <c r="E6" s="32"/>
    </row>
    <row r="7" spans="1:6" x14ac:dyDescent="0.35">
      <c r="A7" s="31" t="s">
        <v>4</v>
      </c>
      <c r="B7" s="30"/>
      <c r="C7" s="30"/>
      <c r="D7" s="30"/>
      <c r="E7" s="32"/>
    </row>
    <row r="8" spans="1:6" ht="27.75" customHeight="1" x14ac:dyDescent="0.35">
      <c r="A8" s="26" t="s">
        <v>5</v>
      </c>
      <c r="B8" s="26"/>
      <c r="C8" s="26"/>
      <c r="D8" s="26"/>
      <c r="E8" s="27"/>
    </row>
    <row r="9" spans="1:6" x14ac:dyDescent="0.35">
      <c r="A9" t="s">
        <v>18</v>
      </c>
      <c r="B9" s="22"/>
      <c r="C9" s="22"/>
      <c r="D9" s="22"/>
      <c r="E9" s="23"/>
    </row>
    <row r="10" spans="1:6" ht="15" thickBot="1" x14ac:dyDescent="0.4">
      <c r="A10" s="24" t="s">
        <v>6</v>
      </c>
      <c r="B10" s="25"/>
      <c r="C10" s="25"/>
      <c r="D10" s="25"/>
      <c r="E10" s="25"/>
    </row>
    <row r="11" spans="1:6" x14ac:dyDescent="0.35">
      <c r="A11" s="1"/>
      <c r="B11" s="1"/>
    </row>
    <row r="12" spans="1:6" x14ac:dyDescent="0.35">
      <c r="A12" s="3" t="s">
        <v>7</v>
      </c>
      <c r="B12" s="7" t="str">
        <f>IF(SUM(F17:F91)=0,"",SUMPRODUCT(C17:C91,F17:F91)/SUM(F17:F91))</f>
        <v/>
      </c>
    </row>
    <row r="13" spans="1:6" x14ac:dyDescent="0.35">
      <c r="A13" s="3" t="s">
        <v>8</v>
      </c>
      <c r="B13" s="4">
        <f>SUM(E17:E91)</f>
        <v>0</v>
      </c>
    </row>
    <row r="14" spans="1:6" x14ac:dyDescent="0.35">
      <c r="A14" s="3" t="s">
        <v>9</v>
      </c>
      <c r="B14" s="8" t="str">
        <f>IF(SUM(E17:E91)=0,"",SUM(F17:F91)/SUM(E17:E91))</f>
        <v/>
      </c>
    </row>
    <row r="15" spans="1:6" ht="15" thickBot="1" x14ac:dyDescent="0.4">
      <c r="A15" s="1"/>
      <c r="B15" s="1"/>
    </row>
    <row r="16" spans="1:6" ht="15" thickBot="1" x14ac:dyDescent="0.4">
      <c r="A16" s="2" t="s">
        <v>10</v>
      </c>
      <c r="B16" s="6" t="s">
        <v>11</v>
      </c>
      <c r="C16" s="11" t="s">
        <v>12</v>
      </c>
      <c r="D16" s="11" t="s">
        <v>13</v>
      </c>
      <c r="E16" s="12" t="s">
        <v>14</v>
      </c>
      <c r="F16" s="9" t="s">
        <v>15</v>
      </c>
    </row>
    <row r="17" spans="1:6" x14ac:dyDescent="0.35">
      <c r="A17" s="13"/>
      <c r="B17" s="14"/>
      <c r="C17" s="15"/>
      <c r="D17" s="16"/>
      <c r="E17" s="16"/>
      <c r="F17" s="5" t="str">
        <f>IF(D17= "Voldaan","",IF(C17="","",E17))</f>
        <v/>
      </c>
    </row>
    <row r="18" spans="1:6" x14ac:dyDescent="0.35">
      <c r="A18" s="17"/>
      <c r="B18" s="18"/>
      <c r="C18" s="15"/>
      <c r="D18" s="16"/>
      <c r="E18" s="19"/>
      <c r="F18" s="5" t="str">
        <f t="shared" ref="F18:F67" si="0">IF(D18= "Voldaan","",IF(C18="","",E18))</f>
        <v/>
      </c>
    </row>
    <row r="19" spans="1:6" x14ac:dyDescent="0.35">
      <c r="A19" s="17"/>
      <c r="B19" s="18"/>
      <c r="C19" s="15"/>
      <c r="D19" s="16"/>
      <c r="E19" s="19"/>
      <c r="F19" s="5" t="str">
        <f t="shared" si="0"/>
        <v/>
      </c>
    </row>
    <row r="20" spans="1:6" x14ac:dyDescent="0.35">
      <c r="A20" s="17"/>
      <c r="B20" s="18"/>
      <c r="C20" s="15"/>
      <c r="D20" s="16"/>
      <c r="E20" s="19"/>
      <c r="F20" s="5" t="str">
        <f t="shared" si="0"/>
        <v/>
      </c>
    </row>
    <row r="21" spans="1:6" x14ac:dyDescent="0.35">
      <c r="A21" s="17"/>
      <c r="B21" s="18"/>
      <c r="C21" s="15"/>
      <c r="D21" s="16"/>
      <c r="E21" s="19"/>
      <c r="F21" s="5" t="str">
        <f t="shared" si="0"/>
        <v/>
      </c>
    </row>
    <row r="22" spans="1:6" x14ac:dyDescent="0.35">
      <c r="A22" s="17"/>
      <c r="B22" s="20"/>
      <c r="C22" s="15"/>
      <c r="D22" s="16"/>
      <c r="E22" s="19"/>
      <c r="F22" s="5" t="str">
        <f t="shared" si="0"/>
        <v/>
      </c>
    </row>
    <row r="23" spans="1:6" x14ac:dyDescent="0.35">
      <c r="A23" s="17"/>
      <c r="B23" s="20"/>
      <c r="C23" s="15"/>
      <c r="D23" s="16"/>
      <c r="E23" s="19"/>
      <c r="F23" s="5" t="str">
        <f t="shared" si="0"/>
        <v/>
      </c>
    </row>
    <row r="24" spans="1:6" x14ac:dyDescent="0.35">
      <c r="A24" s="17"/>
      <c r="B24" s="20"/>
      <c r="C24" s="21"/>
      <c r="D24" s="16"/>
      <c r="E24" s="19"/>
      <c r="F24" s="5" t="str">
        <f t="shared" si="0"/>
        <v/>
      </c>
    </row>
    <row r="25" spans="1:6" x14ac:dyDescent="0.35">
      <c r="A25" s="17"/>
      <c r="B25" s="20"/>
      <c r="C25" s="21"/>
      <c r="D25" s="16"/>
      <c r="E25" s="19"/>
      <c r="F25" s="5" t="str">
        <f t="shared" si="0"/>
        <v/>
      </c>
    </row>
    <row r="26" spans="1:6" x14ac:dyDescent="0.35">
      <c r="A26" s="17"/>
      <c r="B26" s="20"/>
      <c r="C26" s="21"/>
      <c r="D26" s="16"/>
      <c r="E26" s="19"/>
      <c r="F26" s="5" t="str">
        <f t="shared" si="0"/>
        <v/>
      </c>
    </row>
    <row r="27" spans="1:6" x14ac:dyDescent="0.35">
      <c r="A27" s="17"/>
      <c r="B27" s="20"/>
      <c r="C27" s="21"/>
      <c r="D27" s="16"/>
      <c r="E27" s="19"/>
      <c r="F27" s="5" t="str">
        <f t="shared" si="0"/>
        <v/>
      </c>
    </row>
    <row r="28" spans="1:6" x14ac:dyDescent="0.35">
      <c r="A28" s="17"/>
      <c r="B28" s="20"/>
      <c r="C28" s="21"/>
      <c r="D28" s="16"/>
      <c r="E28" s="19"/>
      <c r="F28" s="5" t="str">
        <f t="shared" si="0"/>
        <v/>
      </c>
    </row>
    <row r="29" spans="1:6" x14ac:dyDescent="0.35">
      <c r="A29" s="17"/>
      <c r="B29" s="20"/>
      <c r="C29" s="21"/>
      <c r="D29" s="16"/>
      <c r="E29" s="19"/>
      <c r="F29" s="5" t="str">
        <f t="shared" si="0"/>
        <v/>
      </c>
    </row>
    <row r="30" spans="1:6" x14ac:dyDescent="0.35">
      <c r="A30" s="17"/>
      <c r="B30" s="20"/>
      <c r="C30" s="21"/>
      <c r="D30" s="16"/>
      <c r="E30" s="19"/>
      <c r="F30" s="5" t="str">
        <f t="shared" si="0"/>
        <v/>
      </c>
    </row>
    <row r="31" spans="1:6" x14ac:dyDescent="0.35">
      <c r="A31" s="17"/>
      <c r="B31" s="17"/>
      <c r="C31" s="21"/>
      <c r="D31" s="16"/>
      <c r="E31" s="19"/>
      <c r="F31" s="5" t="str">
        <f t="shared" si="0"/>
        <v/>
      </c>
    </row>
    <row r="32" spans="1:6" x14ac:dyDescent="0.35">
      <c r="A32" s="17"/>
      <c r="B32" s="17"/>
      <c r="C32" s="21"/>
      <c r="D32" s="16"/>
      <c r="E32" s="19"/>
      <c r="F32" s="5" t="str">
        <f t="shared" si="0"/>
        <v/>
      </c>
    </row>
    <row r="33" spans="1:6" x14ac:dyDescent="0.35">
      <c r="A33" s="17"/>
      <c r="B33" s="17"/>
      <c r="C33" s="21"/>
      <c r="D33" s="16"/>
      <c r="E33" s="19"/>
      <c r="F33" s="5" t="str">
        <f t="shared" si="0"/>
        <v/>
      </c>
    </row>
    <row r="34" spans="1:6" x14ac:dyDescent="0.35">
      <c r="A34" s="17"/>
      <c r="B34" s="17"/>
      <c r="C34" s="21"/>
      <c r="D34" s="16"/>
      <c r="E34" s="19"/>
      <c r="F34" s="5" t="str">
        <f t="shared" si="0"/>
        <v/>
      </c>
    </row>
    <row r="35" spans="1:6" x14ac:dyDescent="0.35">
      <c r="A35" s="17"/>
      <c r="B35" s="17"/>
      <c r="C35" s="21"/>
      <c r="D35" s="16"/>
      <c r="E35" s="19"/>
      <c r="F35" s="5" t="str">
        <f t="shared" si="0"/>
        <v/>
      </c>
    </row>
    <row r="36" spans="1:6" x14ac:dyDescent="0.35">
      <c r="A36" s="17"/>
      <c r="B36" s="17"/>
      <c r="C36" s="21"/>
      <c r="D36" s="16"/>
      <c r="E36" s="19"/>
      <c r="F36" s="5" t="str">
        <f t="shared" si="0"/>
        <v/>
      </c>
    </row>
    <row r="37" spans="1:6" x14ac:dyDescent="0.35">
      <c r="A37" s="17"/>
      <c r="B37" s="17"/>
      <c r="C37" s="21"/>
      <c r="D37" s="16"/>
      <c r="E37" s="19"/>
      <c r="F37" s="5" t="str">
        <f t="shared" si="0"/>
        <v/>
      </c>
    </row>
    <row r="38" spans="1:6" x14ac:dyDescent="0.35">
      <c r="A38" s="17"/>
      <c r="B38" s="17"/>
      <c r="C38" s="21"/>
      <c r="D38" s="16"/>
      <c r="E38" s="19"/>
      <c r="F38" s="5" t="str">
        <f t="shared" si="0"/>
        <v/>
      </c>
    </row>
    <row r="39" spans="1:6" x14ac:dyDescent="0.35">
      <c r="A39" s="17"/>
      <c r="B39" s="17"/>
      <c r="C39" s="21"/>
      <c r="D39" s="16"/>
      <c r="E39" s="19"/>
      <c r="F39" s="5" t="str">
        <f t="shared" si="0"/>
        <v/>
      </c>
    </row>
    <row r="40" spans="1:6" x14ac:dyDescent="0.35">
      <c r="A40" s="17"/>
      <c r="B40" s="17"/>
      <c r="C40" s="21"/>
      <c r="D40" s="16"/>
      <c r="E40" s="19"/>
      <c r="F40" s="5" t="str">
        <f t="shared" si="0"/>
        <v/>
      </c>
    </row>
    <row r="41" spans="1:6" x14ac:dyDescent="0.35">
      <c r="A41" s="17"/>
      <c r="B41" s="17"/>
      <c r="C41" s="21"/>
      <c r="D41" s="16"/>
      <c r="E41" s="19"/>
      <c r="F41" s="5" t="str">
        <f t="shared" si="0"/>
        <v/>
      </c>
    </row>
    <row r="42" spans="1:6" x14ac:dyDescent="0.35">
      <c r="A42" s="17"/>
      <c r="B42" s="17"/>
      <c r="C42" s="21"/>
      <c r="D42" s="16"/>
      <c r="E42" s="19"/>
      <c r="F42" s="5" t="str">
        <f t="shared" si="0"/>
        <v/>
      </c>
    </row>
    <row r="43" spans="1:6" x14ac:dyDescent="0.35">
      <c r="A43" s="17"/>
      <c r="B43" s="17"/>
      <c r="C43" s="21"/>
      <c r="D43" s="16"/>
      <c r="E43" s="19"/>
      <c r="F43" s="5" t="str">
        <f t="shared" si="0"/>
        <v/>
      </c>
    </row>
    <row r="44" spans="1:6" x14ac:dyDescent="0.35">
      <c r="A44" s="17"/>
      <c r="B44" s="17"/>
      <c r="C44" s="21"/>
      <c r="D44" s="16"/>
      <c r="E44" s="19"/>
      <c r="F44" s="5" t="str">
        <f t="shared" si="0"/>
        <v/>
      </c>
    </row>
    <row r="45" spans="1:6" x14ac:dyDescent="0.35">
      <c r="A45" s="17"/>
      <c r="B45" s="17"/>
      <c r="C45" s="21"/>
      <c r="D45" s="16"/>
      <c r="E45" s="19"/>
      <c r="F45" s="5" t="str">
        <f t="shared" si="0"/>
        <v/>
      </c>
    </row>
    <row r="46" spans="1:6" x14ac:dyDescent="0.35">
      <c r="A46" s="17"/>
      <c r="B46" s="17"/>
      <c r="C46" s="21"/>
      <c r="D46" s="16"/>
      <c r="E46" s="19"/>
      <c r="F46" s="5" t="str">
        <f t="shared" si="0"/>
        <v/>
      </c>
    </row>
    <row r="47" spans="1:6" x14ac:dyDescent="0.35">
      <c r="A47" s="17"/>
      <c r="B47" s="17"/>
      <c r="C47" s="21"/>
      <c r="D47" s="16"/>
      <c r="E47" s="19"/>
      <c r="F47" s="5" t="str">
        <f t="shared" si="0"/>
        <v/>
      </c>
    </row>
    <row r="48" spans="1:6" x14ac:dyDescent="0.35">
      <c r="A48" s="17"/>
      <c r="B48" s="17"/>
      <c r="C48" s="21"/>
      <c r="D48" s="16"/>
      <c r="E48" s="19"/>
      <c r="F48" s="5" t="str">
        <f t="shared" si="0"/>
        <v/>
      </c>
    </row>
    <row r="49" spans="1:6" x14ac:dyDescent="0.35">
      <c r="A49" s="17"/>
      <c r="B49" s="17"/>
      <c r="C49" s="21"/>
      <c r="D49" s="16"/>
      <c r="E49" s="19"/>
      <c r="F49" s="5" t="str">
        <f t="shared" si="0"/>
        <v/>
      </c>
    </row>
    <row r="50" spans="1:6" x14ac:dyDescent="0.35">
      <c r="A50" s="17"/>
      <c r="B50" s="17"/>
      <c r="C50" s="21"/>
      <c r="D50" s="16"/>
      <c r="E50" s="19"/>
      <c r="F50" s="5" t="str">
        <f t="shared" si="0"/>
        <v/>
      </c>
    </row>
    <row r="51" spans="1:6" x14ac:dyDescent="0.35">
      <c r="A51" s="17"/>
      <c r="B51" s="17"/>
      <c r="C51" s="21"/>
      <c r="D51" s="16"/>
      <c r="E51" s="19"/>
      <c r="F51" s="5" t="str">
        <f t="shared" si="0"/>
        <v/>
      </c>
    </row>
    <row r="52" spans="1:6" x14ac:dyDescent="0.35">
      <c r="A52" s="17"/>
      <c r="B52" s="17"/>
      <c r="C52" s="21"/>
      <c r="D52" s="16"/>
      <c r="E52" s="19"/>
      <c r="F52" s="5" t="str">
        <f t="shared" si="0"/>
        <v/>
      </c>
    </row>
    <row r="53" spans="1:6" x14ac:dyDescent="0.35">
      <c r="A53" s="17"/>
      <c r="B53" s="17"/>
      <c r="C53" s="21"/>
      <c r="D53" s="16"/>
      <c r="E53" s="19"/>
      <c r="F53" s="5" t="str">
        <f t="shared" si="0"/>
        <v/>
      </c>
    </row>
    <row r="54" spans="1:6" x14ac:dyDescent="0.35">
      <c r="A54" s="17"/>
      <c r="B54" s="17"/>
      <c r="C54" s="21"/>
      <c r="D54" s="16"/>
      <c r="E54" s="19"/>
      <c r="F54" s="5" t="str">
        <f t="shared" si="0"/>
        <v/>
      </c>
    </row>
    <row r="55" spans="1:6" x14ac:dyDescent="0.35">
      <c r="A55" s="17"/>
      <c r="B55" s="17"/>
      <c r="C55" s="21"/>
      <c r="D55" s="16"/>
      <c r="E55" s="19"/>
      <c r="F55" s="5" t="str">
        <f t="shared" si="0"/>
        <v/>
      </c>
    </row>
    <row r="56" spans="1:6" x14ac:dyDescent="0.35">
      <c r="A56" s="17"/>
      <c r="B56" s="17"/>
      <c r="C56" s="21"/>
      <c r="D56" s="16"/>
      <c r="E56" s="19"/>
      <c r="F56" s="5" t="str">
        <f t="shared" si="0"/>
        <v/>
      </c>
    </row>
    <row r="57" spans="1:6" x14ac:dyDescent="0.35">
      <c r="A57" s="17"/>
      <c r="B57" s="17"/>
      <c r="C57" s="21"/>
      <c r="D57" s="16"/>
      <c r="E57" s="19"/>
      <c r="F57" s="5" t="str">
        <f t="shared" si="0"/>
        <v/>
      </c>
    </row>
    <row r="58" spans="1:6" x14ac:dyDescent="0.35">
      <c r="A58" s="17"/>
      <c r="B58" s="17"/>
      <c r="C58" s="21"/>
      <c r="D58" s="16"/>
      <c r="E58" s="19"/>
      <c r="F58" s="5" t="str">
        <f t="shared" si="0"/>
        <v/>
      </c>
    </row>
    <row r="59" spans="1:6" x14ac:dyDescent="0.35">
      <c r="A59" s="17"/>
      <c r="B59" s="17"/>
      <c r="C59" s="21"/>
      <c r="D59" s="16"/>
      <c r="E59" s="19"/>
      <c r="F59" s="5" t="str">
        <f t="shared" si="0"/>
        <v/>
      </c>
    </row>
    <row r="60" spans="1:6" x14ac:dyDescent="0.35">
      <c r="A60" s="17"/>
      <c r="B60" s="17"/>
      <c r="C60" s="21"/>
      <c r="D60" s="16"/>
      <c r="E60" s="19"/>
      <c r="F60" s="5" t="str">
        <f t="shared" si="0"/>
        <v/>
      </c>
    </row>
    <row r="61" spans="1:6" x14ac:dyDescent="0.35">
      <c r="A61" s="17"/>
      <c r="B61" s="20"/>
      <c r="C61" s="21"/>
      <c r="D61" s="16"/>
      <c r="E61" s="19"/>
      <c r="F61" s="5" t="str">
        <f t="shared" si="0"/>
        <v/>
      </c>
    </row>
    <row r="62" spans="1:6" x14ac:dyDescent="0.35">
      <c r="A62" s="17"/>
      <c r="B62" s="17"/>
      <c r="C62" s="21"/>
      <c r="D62" s="16"/>
      <c r="E62" s="19"/>
      <c r="F62" s="5" t="str">
        <f t="shared" si="0"/>
        <v/>
      </c>
    </row>
    <row r="63" spans="1:6" x14ac:dyDescent="0.35">
      <c r="A63" s="17"/>
      <c r="B63" s="17"/>
      <c r="C63" s="21"/>
      <c r="D63" s="16"/>
      <c r="E63" s="19"/>
      <c r="F63" s="5" t="str">
        <f t="shared" si="0"/>
        <v/>
      </c>
    </row>
    <row r="64" spans="1:6" x14ac:dyDescent="0.35">
      <c r="A64" s="17"/>
      <c r="B64" s="17"/>
      <c r="C64" s="21"/>
      <c r="D64" s="16"/>
      <c r="E64" s="19"/>
      <c r="F64" s="5" t="str">
        <f t="shared" si="0"/>
        <v/>
      </c>
    </row>
    <row r="65" spans="1:6" x14ac:dyDescent="0.35">
      <c r="A65" s="17"/>
      <c r="B65" s="17"/>
      <c r="C65" s="21"/>
      <c r="D65" s="16"/>
      <c r="E65" s="19"/>
      <c r="F65" s="5" t="str">
        <f t="shared" si="0"/>
        <v/>
      </c>
    </row>
    <row r="66" spans="1:6" x14ac:dyDescent="0.35">
      <c r="A66" s="17"/>
      <c r="B66" s="17"/>
      <c r="C66" s="21"/>
      <c r="D66" s="16"/>
      <c r="E66" s="19"/>
      <c r="F66" s="5" t="str">
        <f t="shared" si="0"/>
        <v/>
      </c>
    </row>
    <row r="67" spans="1:6" x14ac:dyDescent="0.35">
      <c r="A67" s="17"/>
      <c r="B67" s="17"/>
      <c r="C67" s="21"/>
      <c r="D67" s="16"/>
      <c r="E67" s="19"/>
      <c r="F67" s="5" t="str">
        <f t="shared" si="0"/>
        <v/>
      </c>
    </row>
    <row r="68" spans="1:6" x14ac:dyDescent="0.35">
      <c r="A68" s="17"/>
      <c r="B68" s="17"/>
      <c r="C68" s="21"/>
      <c r="D68" s="16"/>
      <c r="E68" s="19"/>
      <c r="F68" s="5" t="str">
        <f t="shared" ref="F68:F79" si="1">IF(D68= "Voldaan","",IF(C68="","",E68))</f>
        <v/>
      </c>
    </row>
    <row r="69" spans="1:6" x14ac:dyDescent="0.35">
      <c r="A69" s="17"/>
      <c r="B69" s="17"/>
      <c r="C69" s="21"/>
      <c r="D69" s="16"/>
      <c r="E69" s="19"/>
      <c r="F69" s="5" t="str">
        <f t="shared" si="1"/>
        <v/>
      </c>
    </row>
    <row r="70" spans="1:6" x14ac:dyDescent="0.35">
      <c r="A70" s="17"/>
      <c r="B70" s="17"/>
      <c r="C70" s="21"/>
      <c r="D70" s="16"/>
      <c r="E70" s="19"/>
      <c r="F70" s="5" t="str">
        <f t="shared" si="1"/>
        <v/>
      </c>
    </row>
    <row r="71" spans="1:6" x14ac:dyDescent="0.35">
      <c r="A71" s="17"/>
      <c r="B71" s="17"/>
      <c r="C71" s="21"/>
      <c r="D71" s="16"/>
      <c r="E71" s="19"/>
      <c r="F71" s="5" t="str">
        <f t="shared" si="1"/>
        <v/>
      </c>
    </row>
    <row r="72" spans="1:6" x14ac:dyDescent="0.35">
      <c r="A72" s="17"/>
      <c r="B72" s="17"/>
      <c r="C72" s="21"/>
      <c r="D72" s="16"/>
      <c r="E72" s="19"/>
      <c r="F72" s="5" t="str">
        <f t="shared" si="1"/>
        <v/>
      </c>
    </row>
    <row r="73" spans="1:6" x14ac:dyDescent="0.35">
      <c r="A73" s="17"/>
      <c r="B73" s="17"/>
      <c r="C73" s="21"/>
      <c r="D73" s="16"/>
      <c r="E73" s="19"/>
      <c r="F73" s="5" t="str">
        <f t="shared" si="1"/>
        <v/>
      </c>
    </row>
    <row r="74" spans="1:6" x14ac:dyDescent="0.35">
      <c r="A74" s="17"/>
      <c r="B74" s="17"/>
      <c r="C74" s="21"/>
      <c r="D74" s="16"/>
      <c r="E74" s="19"/>
      <c r="F74" s="5" t="str">
        <f t="shared" si="1"/>
        <v/>
      </c>
    </row>
    <row r="75" spans="1:6" x14ac:dyDescent="0.35">
      <c r="A75" s="17"/>
      <c r="B75" s="17"/>
      <c r="C75" s="21"/>
      <c r="D75" s="16"/>
      <c r="E75" s="19"/>
      <c r="F75" s="5" t="str">
        <f t="shared" si="1"/>
        <v/>
      </c>
    </row>
    <row r="76" spans="1:6" x14ac:dyDescent="0.35">
      <c r="A76" s="17"/>
      <c r="B76" s="17"/>
      <c r="C76" s="21"/>
      <c r="D76" s="16"/>
      <c r="E76" s="19"/>
      <c r="F76" s="5" t="str">
        <f t="shared" si="1"/>
        <v/>
      </c>
    </row>
    <row r="77" spans="1:6" x14ac:dyDescent="0.35">
      <c r="A77" s="17"/>
      <c r="B77" s="17"/>
      <c r="C77" s="21"/>
      <c r="D77" s="16"/>
      <c r="E77" s="19"/>
      <c r="F77" s="5" t="str">
        <f t="shared" si="1"/>
        <v/>
      </c>
    </row>
    <row r="78" spans="1:6" x14ac:dyDescent="0.35">
      <c r="A78" s="17"/>
      <c r="B78" s="17"/>
      <c r="C78" s="21"/>
      <c r="D78" s="16"/>
      <c r="E78" s="19"/>
      <c r="F78" s="5" t="str">
        <f t="shared" si="1"/>
        <v/>
      </c>
    </row>
    <row r="79" spans="1:6" x14ac:dyDescent="0.35">
      <c r="A79" s="17"/>
      <c r="B79" s="17"/>
      <c r="C79" s="21"/>
      <c r="D79" s="16"/>
      <c r="E79" s="19"/>
      <c r="F79" s="5" t="str">
        <f t="shared" si="1"/>
        <v/>
      </c>
    </row>
    <row r="80" spans="1:6" x14ac:dyDescent="0.35">
      <c r="A80" s="17"/>
      <c r="B80" s="17"/>
      <c r="C80" s="21"/>
      <c r="D80" s="16"/>
      <c r="E80" s="19"/>
      <c r="F80" s="5" t="str">
        <f t="shared" ref="F80:F91" si="2">IF(D80= "Voldaan","",IF(C80="","",E80))</f>
        <v/>
      </c>
    </row>
    <row r="81" spans="1:6" x14ac:dyDescent="0.35">
      <c r="A81" s="17"/>
      <c r="B81" s="17"/>
      <c r="C81" s="21"/>
      <c r="D81" s="16"/>
      <c r="E81" s="19"/>
      <c r="F81" s="5" t="str">
        <f t="shared" si="2"/>
        <v/>
      </c>
    </row>
    <row r="82" spans="1:6" x14ac:dyDescent="0.35">
      <c r="A82" s="17"/>
      <c r="B82" s="17"/>
      <c r="C82" s="21"/>
      <c r="D82" s="16"/>
      <c r="E82" s="19"/>
      <c r="F82" s="5" t="str">
        <f t="shared" si="2"/>
        <v/>
      </c>
    </row>
    <row r="83" spans="1:6" x14ac:dyDescent="0.35">
      <c r="A83" s="17"/>
      <c r="B83" s="17"/>
      <c r="C83" s="21"/>
      <c r="D83" s="16"/>
      <c r="E83" s="19"/>
      <c r="F83" s="5" t="str">
        <f t="shared" si="2"/>
        <v/>
      </c>
    </row>
    <row r="84" spans="1:6" x14ac:dyDescent="0.35">
      <c r="A84" s="17"/>
      <c r="B84" s="17"/>
      <c r="C84" s="21"/>
      <c r="D84" s="16"/>
      <c r="E84" s="19"/>
      <c r="F84" s="5" t="str">
        <f t="shared" si="2"/>
        <v/>
      </c>
    </row>
    <row r="85" spans="1:6" x14ac:dyDescent="0.35">
      <c r="A85" s="17"/>
      <c r="B85" s="17"/>
      <c r="C85" s="21"/>
      <c r="D85" s="16"/>
      <c r="E85" s="19"/>
      <c r="F85" s="5" t="str">
        <f t="shared" si="2"/>
        <v/>
      </c>
    </row>
    <row r="86" spans="1:6" x14ac:dyDescent="0.35">
      <c r="A86" s="17"/>
      <c r="B86" s="17"/>
      <c r="C86" s="21"/>
      <c r="D86" s="16"/>
      <c r="E86" s="19"/>
      <c r="F86" s="5" t="str">
        <f t="shared" si="2"/>
        <v/>
      </c>
    </row>
    <row r="87" spans="1:6" x14ac:dyDescent="0.35">
      <c r="A87" s="17"/>
      <c r="B87" s="17"/>
      <c r="C87" s="21"/>
      <c r="D87" s="16"/>
      <c r="E87" s="19"/>
      <c r="F87" s="5" t="str">
        <f t="shared" si="2"/>
        <v/>
      </c>
    </row>
    <row r="88" spans="1:6" x14ac:dyDescent="0.35">
      <c r="A88" s="17"/>
      <c r="B88" s="17"/>
      <c r="C88" s="21"/>
      <c r="D88" s="16"/>
      <c r="E88" s="19"/>
      <c r="F88" s="5" t="str">
        <f t="shared" si="2"/>
        <v/>
      </c>
    </row>
    <row r="89" spans="1:6" x14ac:dyDescent="0.35">
      <c r="A89" s="17"/>
      <c r="B89" s="17"/>
      <c r="C89" s="21"/>
      <c r="D89" s="16"/>
      <c r="E89" s="19"/>
      <c r="F89" s="5" t="str">
        <f t="shared" si="2"/>
        <v/>
      </c>
    </row>
    <row r="90" spans="1:6" x14ac:dyDescent="0.35">
      <c r="A90" s="17"/>
      <c r="B90" s="17"/>
      <c r="C90" s="21"/>
      <c r="D90" s="16"/>
      <c r="E90" s="19"/>
      <c r="F90" s="5" t="str">
        <f t="shared" si="2"/>
        <v/>
      </c>
    </row>
    <row r="91" spans="1:6" x14ac:dyDescent="0.35">
      <c r="A91" s="17"/>
      <c r="B91" s="17"/>
      <c r="C91" s="21"/>
      <c r="D91" s="16"/>
      <c r="E91" s="19"/>
      <c r="F91" s="5" t="str">
        <f t="shared" si="2"/>
        <v/>
      </c>
    </row>
  </sheetData>
  <sheetProtection algorithmName="SHA-512" hashValue="UkhD9Q8kTmLGzySiDHLgTtP547fNAxrycnNXakn1kpun/O09qe1E6XDGzkeByWyahK7ynqGB0OUTYYyu87Sogg==" saltValue="FFeQhI7yQIX6Y+Z9xjMuvw==" spinCount="100000" sheet="1" formatCells="0" insertColumns="0" insertRows="0"/>
  <mergeCells count="7">
    <mergeCell ref="A10:E10"/>
    <mergeCell ref="A8:E8"/>
    <mergeCell ref="A1:F1"/>
    <mergeCell ref="A5:E5"/>
    <mergeCell ref="A6:E6"/>
    <mergeCell ref="A7:E7"/>
    <mergeCell ref="A4:E4"/>
  </mergeCells>
  <conditionalFormatting sqref="B12">
    <cfRule type="cellIs" dxfId="6" priority="9" operator="lessThan">
      <formula>7</formula>
    </cfRule>
    <cfRule type="cellIs" dxfId="5" priority="10" operator="greaterThanOrEqual">
      <formula>7</formula>
    </cfRule>
  </conditionalFormatting>
  <conditionalFormatting sqref="B13">
    <cfRule type="cellIs" dxfId="4" priority="1" operator="lessThan">
      <formula>240</formula>
    </cfRule>
    <cfRule type="cellIs" dxfId="3" priority="4" operator="greaterThanOrEqual">
      <formula>240</formula>
    </cfRule>
  </conditionalFormatting>
  <conditionalFormatting sqref="B14">
    <cfRule type="cellIs" dxfId="2" priority="2" operator="lessThan">
      <formula>0.75</formula>
    </cfRule>
    <cfRule type="cellIs" dxfId="1" priority="5" operator="greaterThanOrEqual">
      <formula>0.75</formula>
    </cfRule>
  </conditionalFormatting>
  <dataValidations count="1">
    <dataValidation type="decimal" allowBlank="1" showInputMessage="1" showErrorMessage="1" sqref="C17:C91" xr:uid="{AE0766B3-F086-4754-9554-7A1C925692E1}">
      <formula1>1</formula1>
      <formula2>10</formula2>
    </dataValidation>
  </dataValidations>
  <pageMargins left="0.70866141732283472" right="0.70866141732283472" top="0.74803149606299213" bottom="0.74803149606299213" header="0.31496062992125984" footer="0.31496062992125984"/>
  <pageSetup paperSize="9" scale="85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40A5243A-BDCA-41B2-84F2-DBDFF7AF4A6D}">
          <x14:formula1>
            <xm:f>Blad1!$A$13:$A$13</xm:f>
          </x14:formula1>
          <xm:sqref>D17:D91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E16307-61CC-401C-90AE-5E504544E68E}">
  <dimension ref="A1:A13"/>
  <sheetViews>
    <sheetView workbookViewId="0">
      <selection activeCell="A3" sqref="A3"/>
    </sheetView>
  </sheetViews>
  <sheetFormatPr defaultRowHeight="14.5" x14ac:dyDescent="0.35"/>
  <cols>
    <col min="1" max="1" width="10" customWidth="1"/>
  </cols>
  <sheetData>
    <row r="1" spans="1:1" x14ac:dyDescent="0.35">
      <c r="A1" t="s">
        <v>16</v>
      </c>
    </row>
    <row r="3" spans="1:1" x14ac:dyDescent="0.35">
      <c r="A3">
        <v>1</v>
      </c>
    </row>
    <row r="4" spans="1:1" x14ac:dyDescent="0.35">
      <c r="A4">
        <v>2</v>
      </c>
    </row>
    <row r="5" spans="1:1" x14ac:dyDescent="0.35">
      <c r="A5">
        <v>3</v>
      </c>
    </row>
    <row r="6" spans="1:1" x14ac:dyDescent="0.35">
      <c r="A6">
        <v>4</v>
      </c>
    </row>
    <row r="7" spans="1:1" x14ac:dyDescent="0.35">
      <c r="A7">
        <v>5</v>
      </c>
    </row>
    <row r="8" spans="1:1" x14ac:dyDescent="0.35">
      <c r="A8">
        <v>6</v>
      </c>
    </row>
    <row r="9" spans="1:1" x14ac:dyDescent="0.35">
      <c r="A9">
        <v>7</v>
      </c>
    </row>
    <row r="10" spans="1:1" x14ac:dyDescent="0.35">
      <c r="A10">
        <v>8</v>
      </c>
    </row>
    <row r="11" spans="1:1" x14ac:dyDescent="0.35">
      <c r="A11">
        <v>9</v>
      </c>
    </row>
    <row r="12" spans="1:1" x14ac:dyDescent="0.35">
      <c r="A12">
        <v>10</v>
      </c>
    </row>
    <row r="13" spans="1:1" x14ac:dyDescent="0.35">
      <c r="A13" t="s">
        <v>17</v>
      </c>
    </row>
  </sheetData>
  <conditionalFormatting sqref="A13">
    <cfRule type="uniqueValues" dxfId="0" priority="11"/>
  </conditionalFormatting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4752F7C1CA6D045A8DC5766241F7D55" ma:contentTypeVersion="5" ma:contentTypeDescription="Create a new document." ma:contentTypeScope="" ma:versionID="c864ad2be54c08e27ead36ba6c1eede0">
  <xsd:schema xmlns:xsd="http://www.w3.org/2001/XMLSchema" xmlns:xs="http://www.w3.org/2001/XMLSchema" xmlns:p="http://schemas.microsoft.com/office/2006/metadata/properties" xmlns:ns2="8ba6d1b6-76d9-4691-84d6-278ec8e33fd8" xmlns:ns3="6798d118-4cd7-4f1f-beb2-d8ee87445f7b" targetNamespace="http://schemas.microsoft.com/office/2006/metadata/properties" ma:root="true" ma:fieldsID="e4a94872e29fefd3800d4e5900d71ae5" ns2:_="" ns3:_="">
    <xsd:import namespace="8ba6d1b6-76d9-4691-84d6-278ec8e33fd8"/>
    <xsd:import namespace="6798d118-4cd7-4f1f-beb2-d8ee87445f7b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ba6d1b6-76d9-4691-84d6-278ec8e33fd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798d118-4cd7-4f1f-beb2-d8ee87445f7b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1D8284D0-E6E2-4A8B-B62D-F8383B248B8C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5A84350D-6B65-429E-98E1-48B129795CF5}">
  <ds:schemaRefs>
    <ds:schemaRef ds:uri="6798d118-4cd7-4f1f-beb2-d8ee87445f7b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8ba6d1b6-76d9-4691-84d6-278ec8e33fd8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8B215B08-65EC-4DD1-9BA7-BCEB23537A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ba6d1b6-76d9-4691-84d6-278ec8e33fd8"/>
    <ds:schemaRef ds:uri="6798d118-4cd7-4f1f-beb2-d8ee87445f7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2</vt:i4>
      </vt:variant>
    </vt:vector>
  </HeadingPairs>
  <TitlesOfParts>
    <vt:vector size="4" baseType="lpstr">
      <vt:lpstr>Invulbald premaster</vt:lpstr>
      <vt:lpstr>Blad1</vt:lpstr>
      <vt:lpstr>'Invulbald premaster'!Print_Area</vt:lpstr>
      <vt:lpstr>'Invulbald premaster'!Print_Title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adia Strandstra</dc:creator>
  <cp:keywords/>
  <dc:description/>
  <cp:lastModifiedBy>Jong, N.M.L. de (Niek)</cp:lastModifiedBy>
  <cp:revision/>
  <dcterms:created xsi:type="dcterms:W3CDTF">2020-05-25T12:05:08Z</dcterms:created>
  <dcterms:modified xsi:type="dcterms:W3CDTF">2023-08-18T14:21:28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4752F7C1CA6D045A8DC5766241F7D55</vt:lpwstr>
  </property>
</Properties>
</file>